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補助金\11_要領改正\03_令和６年度改正\様式（溶け込み）\数式保護済\"/>
    </mc:Choice>
  </mc:AlternateContent>
  <bookViews>
    <workbookView xWindow="0" yWindow="0" windowWidth="23040" windowHeight="10608"/>
  </bookViews>
  <sheets>
    <sheet name="様式１－４b_経費予算書（買い手支援B、売り手支援）" sheetId="6" r:id="rId1"/>
  </sheets>
  <definedNames>
    <definedName name="_xlnm.Print_Area" localSheetId="0">'様式１－４b_経費予算書（買い手支援B、売り手支援）'!$B$4:$P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9" i="6" l="1"/>
  <c r="F30" i="6" s="1"/>
  <c r="R14" i="6"/>
  <c r="R13" i="6"/>
  <c r="R12" i="6"/>
  <c r="R11" i="6"/>
  <c r="R10" i="6"/>
  <c r="R9" i="6"/>
  <c r="F31" i="6" l="1"/>
</calcChain>
</file>

<file path=xl/sharedStrings.xml><?xml version="1.0" encoding="utf-8"?>
<sst xmlns="http://schemas.openxmlformats.org/spreadsheetml/2006/main" count="23" uniqueCount="23">
  <si>
    <t>補助対象</t>
    <rPh sb="0" eb="2">
      <t>ホジョ</t>
    </rPh>
    <rPh sb="2" eb="4">
      <t>タイショウ</t>
    </rPh>
    <phoneticPr fontId="1"/>
  </si>
  <si>
    <t>（３）補助金交付申請額
　※（２）の千円未満切捨て</t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備考</t>
  </si>
  <si>
    <t>金額（税抜）</t>
    <phoneticPr fontId="1"/>
  </si>
  <si>
    <t>←この金額を様式１の
「３　交付申請額」に転記</t>
    <phoneticPr fontId="1"/>
  </si>
  <si>
    <t>①謝金</t>
    <rPh sb="1" eb="3">
      <t>シャキン</t>
    </rPh>
    <phoneticPr fontId="1"/>
  </si>
  <si>
    <t>②旅費</t>
    <rPh sb="1" eb="3">
      <t>リョヒ</t>
    </rPh>
    <phoneticPr fontId="1"/>
  </si>
  <si>
    <t>③外注費</t>
    <rPh sb="1" eb="4">
      <t>ガイチュウヒ</t>
    </rPh>
    <rPh sb="3" eb="4">
      <t>ヒ</t>
    </rPh>
    <phoneticPr fontId="1"/>
  </si>
  <si>
    <t>④委託費</t>
    <rPh sb="1" eb="3">
      <t>イタク</t>
    </rPh>
    <rPh sb="3" eb="4">
      <t>ヒ</t>
    </rPh>
    <phoneticPr fontId="1"/>
  </si>
  <si>
    <t>⑤システム利用料</t>
    <rPh sb="5" eb="7">
      <t>リヨウ</t>
    </rPh>
    <rPh sb="7" eb="8">
      <t>リョウ</t>
    </rPh>
    <phoneticPr fontId="1"/>
  </si>
  <si>
    <t>⑥保険料</t>
    <rPh sb="1" eb="4">
      <t>ホケンリ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（１）補助対象経費（合計)</t>
    <phoneticPr fontId="1"/>
  </si>
  <si>
    <t>　補助対象経費</t>
    <rPh sb="1" eb="3">
      <t>ホジョ</t>
    </rPh>
    <rPh sb="3" eb="5">
      <t>タイショウ</t>
    </rPh>
    <rPh sb="5" eb="7">
      <t>ケイヒ</t>
    </rPh>
    <phoneticPr fontId="1"/>
  </si>
  <si>
    <t>(様式１－４b)　　経費予算書（買い手支援Ｂ、売り手支援）</t>
    <rPh sb="10" eb="12">
      <t>ケイヒ</t>
    </rPh>
    <rPh sb="12" eb="14">
      <t>ヨサン</t>
    </rPh>
    <rPh sb="16" eb="17">
      <t>カ</t>
    </rPh>
    <rPh sb="18" eb="19">
      <t>テ</t>
    </rPh>
    <rPh sb="19" eb="21">
      <t>シエン</t>
    </rPh>
    <rPh sb="23" eb="24">
      <t>ウ</t>
    </rPh>
    <rPh sb="25" eb="26">
      <t>テ</t>
    </rPh>
    <rPh sb="26" eb="28">
      <t>シエン</t>
    </rPh>
    <phoneticPr fontId="1"/>
  </si>
  <si>
    <r>
      <t>（２）補助対象経費（合計）×1/2
    　</t>
    </r>
    <r>
      <rPr>
        <sz val="9"/>
        <rFont val="ＭＳ ゴシック"/>
        <family val="3"/>
        <charset val="128"/>
      </rPr>
      <t>又は100万円のいずれか低い額</t>
    </r>
    <r>
      <rPr>
        <sz val="9"/>
        <color theme="1"/>
        <rFont val="ＭＳ ゴシック"/>
        <family val="3"/>
        <charset val="128"/>
      </rPr>
      <t xml:space="preserve">
　  ※円未満切捨て</t>
    </r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9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T32"/>
  <sheetViews>
    <sheetView showGridLines="0" tabSelected="1" view="pageBreakPreview" zoomScale="115" zoomScaleNormal="115" zoomScaleSheetLayoutView="115" workbookViewId="0">
      <selection activeCell="B4" sqref="B4"/>
    </sheetView>
  </sheetViews>
  <sheetFormatPr defaultRowHeight="14.4" x14ac:dyDescent="0.2"/>
  <cols>
    <col min="2" max="2" width="1.5" customWidth="1"/>
    <col min="3" max="3" width="15" customWidth="1"/>
    <col min="4" max="5" width="6.69921875" customWidth="1"/>
    <col min="6" max="15" width="6.5" customWidth="1"/>
    <col min="16" max="16" width="1.3984375" customWidth="1"/>
    <col min="17" max="17" width="23.8984375" hidden="1" customWidth="1"/>
    <col min="18" max="18" width="16.09765625" hidden="1" customWidth="1"/>
    <col min="19" max="19" width="6.09765625" hidden="1" customWidth="1"/>
    <col min="20" max="20" width="10" hidden="1" customWidth="1"/>
    <col min="21" max="21" width="6.5" customWidth="1"/>
  </cols>
  <sheetData>
    <row r="4" spans="2:20" x14ac:dyDescent="0.2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20" ht="16.2" x14ac:dyDescent="0.2">
      <c r="B5" s="5" t="s">
        <v>21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2"/>
      <c r="P5" s="2"/>
    </row>
    <row r="6" spans="2:20" x14ac:dyDescent="0.2"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</row>
    <row r="7" spans="2:20" x14ac:dyDescent="0.2">
      <c r="B7" s="7" t="s">
        <v>20</v>
      </c>
      <c r="C7" s="10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9"/>
    </row>
    <row r="8" spans="2:20" x14ac:dyDescent="0.2">
      <c r="B8" s="2"/>
      <c r="C8" s="11" t="s">
        <v>2</v>
      </c>
      <c r="D8" s="40" t="s">
        <v>3</v>
      </c>
      <c r="E8" s="41"/>
      <c r="F8" s="41"/>
      <c r="G8" s="41"/>
      <c r="H8" s="42"/>
      <c r="I8" s="40" t="s">
        <v>9</v>
      </c>
      <c r="J8" s="41"/>
      <c r="K8" s="42"/>
      <c r="L8" s="37" t="s">
        <v>8</v>
      </c>
      <c r="M8" s="38"/>
      <c r="N8" s="38"/>
      <c r="O8" s="39"/>
      <c r="P8" s="8"/>
    </row>
    <row r="9" spans="2:20" ht="21.75" customHeight="1" x14ac:dyDescent="0.2">
      <c r="B9" s="2"/>
      <c r="C9" s="1"/>
      <c r="D9" s="25"/>
      <c r="E9" s="26"/>
      <c r="F9" s="26"/>
      <c r="G9" s="26"/>
      <c r="H9" s="27"/>
      <c r="I9" s="31"/>
      <c r="J9" s="32"/>
      <c r="K9" s="33"/>
      <c r="L9" s="25"/>
      <c r="M9" s="26"/>
      <c r="N9" s="26"/>
      <c r="O9" s="27"/>
      <c r="P9" s="12"/>
      <c r="Q9" s="2" t="s">
        <v>4</v>
      </c>
      <c r="R9" s="3">
        <f>SUMIF(C9:C28,"①謝金",I9:K28)</f>
        <v>0</v>
      </c>
      <c r="S9" s="2"/>
      <c r="T9" s="15" t="s">
        <v>0</v>
      </c>
    </row>
    <row r="10" spans="2:20" ht="21.75" customHeight="1" x14ac:dyDescent="0.2">
      <c r="B10" s="2"/>
      <c r="C10" s="1"/>
      <c r="D10" s="25"/>
      <c r="E10" s="26"/>
      <c r="F10" s="26"/>
      <c r="G10" s="26"/>
      <c r="H10" s="27"/>
      <c r="I10" s="31"/>
      <c r="J10" s="32"/>
      <c r="K10" s="33"/>
      <c r="L10" s="25"/>
      <c r="M10" s="26"/>
      <c r="N10" s="26"/>
      <c r="O10" s="27"/>
      <c r="P10" s="12"/>
      <c r="Q10" s="2" t="s">
        <v>5</v>
      </c>
      <c r="R10" s="3">
        <f>SUMIF(C9:C28,"②旅費",I9:K28)</f>
        <v>0</v>
      </c>
      <c r="S10" s="2"/>
      <c r="T10" s="16" t="s">
        <v>11</v>
      </c>
    </row>
    <row r="11" spans="2:20" ht="21.75" customHeight="1" x14ac:dyDescent="0.2">
      <c r="B11" s="2"/>
      <c r="C11" s="1"/>
      <c r="D11" s="25"/>
      <c r="E11" s="26"/>
      <c r="F11" s="26"/>
      <c r="G11" s="26"/>
      <c r="H11" s="27"/>
      <c r="I11" s="31"/>
      <c r="J11" s="32"/>
      <c r="K11" s="33"/>
      <c r="L11" s="25"/>
      <c r="M11" s="26"/>
      <c r="N11" s="26"/>
      <c r="O11" s="27"/>
      <c r="P11" s="12"/>
      <c r="Q11" s="2" t="s">
        <v>6</v>
      </c>
      <c r="R11" s="3">
        <f>SUMIF(C9:C28,"③外注費",I9:K28)</f>
        <v>0</v>
      </c>
      <c r="S11" s="2"/>
      <c r="T11" s="17" t="s">
        <v>12</v>
      </c>
    </row>
    <row r="12" spans="2:20" ht="21.75" customHeight="1" x14ac:dyDescent="0.2">
      <c r="B12" s="2"/>
      <c r="C12" s="1"/>
      <c r="D12" s="25"/>
      <c r="E12" s="26"/>
      <c r="F12" s="26"/>
      <c r="G12" s="26"/>
      <c r="H12" s="27"/>
      <c r="I12" s="31"/>
      <c r="J12" s="32"/>
      <c r="K12" s="33"/>
      <c r="L12" s="25"/>
      <c r="M12" s="26"/>
      <c r="N12" s="26"/>
      <c r="O12" s="27"/>
      <c r="P12" s="12"/>
      <c r="Q12" s="4" t="s">
        <v>7</v>
      </c>
      <c r="R12" s="3">
        <f>SUMIF(C9:C28,"④委託費",I9:K28)</f>
        <v>0</v>
      </c>
      <c r="S12" s="2"/>
      <c r="T12" s="17" t="s">
        <v>13</v>
      </c>
    </row>
    <row r="13" spans="2:20" ht="21.75" customHeight="1" x14ac:dyDescent="0.2">
      <c r="B13" s="2"/>
      <c r="C13" s="1"/>
      <c r="D13" s="25"/>
      <c r="E13" s="26"/>
      <c r="F13" s="26"/>
      <c r="G13" s="26"/>
      <c r="H13" s="27"/>
      <c r="I13" s="31"/>
      <c r="J13" s="32"/>
      <c r="K13" s="33"/>
      <c r="L13" s="25"/>
      <c r="M13" s="26"/>
      <c r="N13" s="26"/>
      <c r="O13" s="27"/>
      <c r="P13" s="12"/>
      <c r="Q13" s="4" t="s">
        <v>17</v>
      </c>
      <c r="R13" s="3">
        <f>SUMIF(C10:C28,"⑤システム利用料",I10:K28)</f>
        <v>0</v>
      </c>
      <c r="S13" s="2"/>
      <c r="T13" s="17" t="s">
        <v>14</v>
      </c>
    </row>
    <row r="14" spans="2:20" ht="21.75" customHeight="1" x14ac:dyDescent="0.2">
      <c r="B14" s="2"/>
      <c r="C14" s="1"/>
      <c r="D14" s="25"/>
      <c r="E14" s="26"/>
      <c r="F14" s="26"/>
      <c r="G14" s="26"/>
      <c r="H14" s="27"/>
      <c r="I14" s="31"/>
      <c r="J14" s="32"/>
      <c r="K14" s="33"/>
      <c r="L14" s="25"/>
      <c r="M14" s="26"/>
      <c r="N14" s="26"/>
      <c r="O14" s="27"/>
      <c r="P14" s="12"/>
      <c r="Q14" s="4" t="s">
        <v>18</v>
      </c>
      <c r="R14" s="3">
        <f>SUMIF(C11:C29,"⑥保険料",I11:K29)</f>
        <v>0</v>
      </c>
      <c r="T14" s="17" t="s">
        <v>15</v>
      </c>
    </row>
    <row r="15" spans="2:20" ht="21.75" customHeight="1" x14ac:dyDescent="0.2">
      <c r="B15" s="2"/>
      <c r="C15" s="1"/>
      <c r="D15" s="25"/>
      <c r="E15" s="26"/>
      <c r="F15" s="26"/>
      <c r="G15" s="26"/>
      <c r="H15" s="27"/>
      <c r="I15" s="31"/>
      <c r="J15" s="32"/>
      <c r="K15" s="33"/>
      <c r="L15" s="25"/>
      <c r="M15" s="26"/>
      <c r="N15" s="26"/>
      <c r="O15" s="27"/>
      <c r="P15" s="12"/>
      <c r="T15" s="17" t="s">
        <v>16</v>
      </c>
    </row>
    <row r="16" spans="2:20" ht="21.75" customHeight="1" x14ac:dyDescent="0.2">
      <c r="B16" s="2"/>
      <c r="C16" s="1"/>
      <c r="D16" s="25"/>
      <c r="E16" s="26"/>
      <c r="F16" s="26"/>
      <c r="G16" s="26"/>
      <c r="H16" s="27"/>
      <c r="I16" s="31"/>
      <c r="J16" s="32"/>
      <c r="K16" s="33"/>
      <c r="L16" s="25"/>
      <c r="M16" s="26"/>
      <c r="N16" s="26"/>
      <c r="O16" s="27"/>
      <c r="P16" s="12"/>
    </row>
    <row r="17" spans="2:18" ht="21.75" customHeight="1" x14ac:dyDescent="0.2">
      <c r="B17" s="2"/>
      <c r="C17" s="1"/>
      <c r="D17" s="25"/>
      <c r="E17" s="26"/>
      <c r="F17" s="26"/>
      <c r="G17" s="26"/>
      <c r="H17" s="27"/>
      <c r="I17" s="31"/>
      <c r="J17" s="32"/>
      <c r="K17" s="33"/>
      <c r="L17" s="25"/>
      <c r="M17" s="26"/>
      <c r="N17" s="26"/>
      <c r="O17" s="27"/>
      <c r="P17" s="12"/>
    </row>
    <row r="18" spans="2:18" ht="21.75" customHeight="1" x14ac:dyDescent="0.2">
      <c r="B18" s="2"/>
      <c r="C18" s="1"/>
      <c r="D18" s="25"/>
      <c r="E18" s="26"/>
      <c r="F18" s="26"/>
      <c r="G18" s="26"/>
      <c r="H18" s="27"/>
      <c r="I18" s="31"/>
      <c r="J18" s="32"/>
      <c r="K18" s="33"/>
      <c r="L18" s="25"/>
      <c r="M18" s="26"/>
      <c r="N18" s="26"/>
      <c r="O18" s="27"/>
      <c r="P18" s="12"/>
    </row>
    <row r="19" spans="2:18" ht="21.75" customHeight="1" x14ac:dyDescent="0.2">
      <c r="B19" s="2"/>
      <c r="C19" s="1"/>
      <c r="D19" s="25"/>
      <c r="E19" s="26"/>
      <c r="F19" s="26"/>
      <c r="G19" s="26"/>
      <c r="H19" s="27"/>
      <c r="I19" s="31"/>
      <c r="J19" s="32"/>
      <c r="K19" s="33"/>
      <c r="L19" s="25"/>
      <c r="M19" s="26"/>
      <c r="N19" s="26"/>
      <c r="O19" s="27"/>
      <c r="P19" s="12"/>
    </row>
    <row r="20" spans="2:18" ht="21.75" customHeight="1" x14ac:dyDescent="0.2">
      <c r="B20" s="2"/>
      <c r="C20" s="1"/>
      <c r="D20" s="25"/>
      <c r="E20" s="26"/>
      <c r="F20" s="26"/>
      <c r="G20" s="26"/>
      <c r="H20" s="27"/>
      <c r="I20" s="31"/>
      <c r="J20" s="32"/>
      <c r="K20" s="33"/>
      <c r="L20" s="25"/>
      <c r="M20" s="26"/>
      <c r="N20" s="26"/>
      <c r="O20" s="27"/>
      <c r="P20" s="12"/>
    </row>
    <row r="21" spans="2:18" ht="21.75" customHeight="1" x14ac:dyDescent="0.2">
      <c r="B21" s="2"/>
      <c r="C21" s="1"/>
      <c r="D21" s="25"/>
      <c r="E21" s="26"/>
      <c r="F21" s="26"/>
      <c r="G21" s="26"/>
      <c r="H21" s="27"/>
      <c r="I21" s="31"/>
      <c r="J21" s="32"/>
      <c r="K21" s="33"/>
      <c r="L21" s="25"/>
      <c r="M21" s="26"/>
      <c r="N21" s="26"/>
      <c r="O21" s="27"/>
      <c r="P21" s="12"/>
    </row>
    <row r="22" spans="2:18" ht="21.75" customHeight="1" x14ac:dyDescent="0.2">
      <c r="B22" s="2"/>
      <c r="C22" s="1"/>
      <c r="D22" s="25"/>
      <c r="E22" s="26"/>
      <c r="F22" s="26"/>
      <c r="G22" s="26"/>
      <c r="H22" s="27"/>
      <c r="I22" s="31"/>
      <c r="J22" s="32"/>
      <c r="K22" s="33"/>
      <c r="L22" s="25"/>
      <c r="M22" s="26"/>
      <c r="N22" s="26"/>
      <c r="O22" s="27"/>
      <c r="P22" s="12"/>
    </row>
    <row r="23" spans="2:18" ht="21.75" customHeight="1" x14ac:dyDescent="0.2">
      <c r="B23" s="2"/>
      <c r="C23" s="1"/>
      <c r="D23" s="25"/>
      <c r="E23" s="26"/>
      <c r="F23" s="26"/>
      <c r="G23" s="26"/>
      <c r="H23" s="27"/>
      <c r="I23" s="31"/>
      <c r="J23" s="32"/>
      <c r="K23" s="33"/>
      <c r="L23" s="25"/>
      <c r="M23" s="26"/>
      <c r="N23" s="26"/>
      <c r="O23" s="27"/>
      <c r="P23" s="12"/>
    </row>
    <row r="24" spans="2:18" ht="21.75" customHeight="1" x14ac:dyDescent="0.2">
      <c r="B24" s="2"/>
      <c r="C24" s="1"/>
      <c r="D24" s="25"/>
      <c r="E24" s="26"/>
      <c r="F24" s="26"/>
      <c r="G24" s="26"/>
      <c r="H24" s="27"/>
      <c r="I24" s="31"/>
      <c r="J24" s="32"/>
      <c r="K24" s="33"/>
      <c r="L24" s="25"/>
      <c r="M24" s="26"/>
      <c r="N24" s="26"/>
      <c r="O24" s="27"/>
      <c r="P24" s="12"/>
    </row>
    <row r="25" spans="2:18" ht="21.75" customHeight="1" x14ac:dyDescent="0.2">
      <c r="B25" s="2"/>
      <c r="C25" s="1"/>
      <c r="D25" s="25"/>
      <c r="E25" s="26"/>
      <c r="F25" s="26"/>
      <c r="G25" s="26"/>
      <c r="H25" s="27"/>
      <c r="I25" s="31"/>
      <c r="J25" s="32"/>
      <c r="K25" s="33"/>
      <c r="L25" s="25"/>
      <c r="M25" s="26"/>
      <c r="N25" s="26"/>
      <c r="O25" s="27"/>
      <c r="P25" s="12"/>
    </row>
    <row r="26" spans="2:18" ht="21.75" customHeight="1" x14ac:dyDescent="0.2">
      <c r="B26" s="2"/>
      <c r="C26" s="1"/>
      <c r="D26" s="25"/>
      <c r="E26" s="26"/>
      <c r="F26" s="26"/>
      <c r="G26" s="26"/>
      <c r="H26" s="27"/>
      <c r="I26" s="31"/>
      <c r="J26" s="32"/>
      <c r="K26" s="33"/>
      <c r="L26" s="25"/>
      <c r="M26" s="26"/>
      <c r="N26" s="26"/>
      <c r="O26" s="27"/>
      <c r="P26" s="12"/>
    </row>
    <row r="27" spans="2:18" ht="21.75" customHeight="1" x14ac:dyDescent="0.2">
      <c r="B27" s="2"/>
      <c r="C27" s="1"/>
      <c r="D27" s="25"/>
      <c r="E27" s="26"/>
      <c r="F27" s="26"/>
      <c r="G27" s="26"/>
      <c r="H27" s="27"/>
      <c r="I27" s="31"/>
      <c r="J27" s="32"/>
      <c r="K27" s="33"/>
      <c r="L27" s="25"/>
      <c r="M27" s="26"/>
      <c r="N27" s="26"/>
      <c r="O27" s="27"/>
      <c r="P27" s="12"/>
      <c r="Q27" s="2"/>
      <c r="R27" s="3"/>
    </row>
    <row r="28" spans="2:18" ht="21.75" customHeight="1" x14ac:dyDescent="0.2">
      <c r="B28" s="2"/>
      <c r="C28" s="1"/>
      <c r="D28" s="25"/>
      <c r="E28" s="26"/>
      <c r="F28" s="26"/>
      <c r="G28" s="26"/>
      <c r="H28" s="27"/>
      <c r="I28" s="31"/>
      <c r="J28" s="32"/>
      <c r="K28" s="33"/>
      <c r="L28" s="25"/>
      <c r="M28" s="26"/>
      <c r="N28" s="26"/>
      <c r="O28" s="27"/>
      <c r="P28" s="12"/>
      <c r="Q28" s="2"/>
      <c r="R28" s="3"/>
    </row>
    <row r="29" spans="2:18" ht="33.75" customHeight="1" x14ac:dyDescent="0.2">
      <c r="B29" s="2"/>
      <c r="C29" s="46" t="s">
        <v>19</v>
      </c>
      <c r="D29" s="47"/>
      <c r="E29" s="47"/>
      <c r="F29" s="47"/>
      <c r="G29" s="47"/>
      <c r="H29" s="48"/>
      <c r="I29" s="34">
        <f>SUM(I9:K28)</f>
        <v>0</v>
      </c>
      <c r="J29" s="35"/>
      <c r="K29" s="36"/>
      <c r="L29" s="28"/>
      <c r="M29" s="29"/>
      <c r="N29" s="29"/>
      <c r="O29" s="30"/>
      <c r="P29" s="13"/>
    </row>
    <row r="30" spans="2:18" ht="33.75" customHeight="1" x14ac:dyDescent="0.2">
      <c r="B30" s="2"/>
      <c r="C30" s="43" t="s">
        <v>22</v>
      </c>
      <c r="D30" s="44"/>
      <c r="E30" s="45"/>
      <c r="F30" s="22">
        <f>IF(ROUNDDOWN($I$29*1/2,0)&gt;=1000000,1000000,ROUNDDOWN($I$29*1/2,0))</f>
        <v>0</v>
      </c>
      <c r="G30" s="23"/>
      <c r="H30" s="24"/>
      <c r="I30" s="20"/>
      <c r="J30" s="20"/>
      <c r="K30" s="20"/>
      <c r="L30" s="20"/>
      <c r="M30" s="20"/>
      <c r="N30" s="20"/>
      <c r="O30" s="21"/>
      <c r="P30" s="13"/>
    </row>
    <row r="31" spans="2:18" ht="33.75" customHeight="1" x14ac:dyDescent="0.2">
      <c r="B31" s="2"/>
      <c r="C31" s="43" t="s">
        <v>1</v>
      </c>
      <c r="D31" s="44"/>
      <c r="E31" s="45"/>
      <c r="F31" s="34">
        <f>ROUNDDOWN($F$30,-3)</f>
        <v>0</v>
      </c>
      <c r="G31" s="35"/>
      <c r="H31" s="36"/>
      <c r="I31" s="18" t="s">
        <v>10</v>
      </c>
      <c r="J31" s="18"/>
      <c r="K31" s="18"/>
      <c r="L31" s="18"/>
      <c r="M31" s="18"/>
      <c r="N31" s="18"/>
      <c r="O31" s="19"/>
      <c r="P31" s="14"/>
    </row>
    <row r="32" spans="2:18" x14ac:dyDescent="0.2"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</row>
  </sheetData>
  <sheetProtection algorithmName="SHA-512" hashValue="wXUSSyYwWOvzo9SpFJr7yknBcU3rItY7aChXSFsH+lwNvS22veNTzt8FyHy8tl6f1pRTivC2ocLMqNMBA/ix3Q==" saltValue="CTlQa1hxdri4VkhTZ3ckEQ==" spinCount="100000" sheet="1" objects="1" scenarios="1"/>
  <mergeCells count="72">
    <mergeCell ref="C31:E31"/>
    <mergeCell ref="D26:H26"/>
    <mergeCell ref="D27:H27"/>
    <mergeCell ref="D28:H28"/>
    <mergeCell ref="C30:E30"/>
    <mergeCell ref="C29:H29"/>
    <mergeCell ref="D8:H8"/>
    <mergeCell ref="D9:H9"/>
    <mergeCell ref="D10:H10"/>
    <mergeCell ref="D11:H11"/>
    <mergeCell ref="D12:H12"/>
    <mergeCell ref="D13:H13"/>
    <mergeCell ref="D14:H14"/>
    <mergeCell ref="D15:H15"/>
    <mergeCell ref="D16:H16"/>
    <mergeCell ref="D17:H17"/>
    <mergeCell ref="D18:H18"/>
    <mergeCell ref="D19:H19"/>
    <mergeCell ref="D20:H20"/>
    <mergeCell ref="D21:H21"/>
    <mergeCell ref="D25:H25"/>
    <mergeCell ref="D22:H22"/>
    <mergeCell ref="D23:H23"/>
    <mergeCell ref="D24:H24"/>
    <mergeCell ref="I18:K18"/>
    <mergeCell ref="I19:K19"/>
    <mergeCell ref="I20:K20"/>
    <mergeCell ref="L23:O23"/>
    <mergeCell ref="L24:O24"/>
    <mergeCell ref="L18:O18"/>
    <mergeCell ref="L19:O19"/>
    <mergeCell ref="L20:O20"/>
    <mergeCell ref="I21:K21"/>
    <mergeCell ref="I22:K22"/>
    <mergeCell ref="I23:K23"/>
    <mergeCell ref="I24:K24"/>
    <mergeCell ref="I13:K13"/>
    <mergeCell ref="I14:K14"/>
    <mergeCell ref="I15:K15"/>
    <mergeCell ref="I16:K16"/>
    <mergeCell ref="I17:K17"/>
    <mergeCell ref="I8:K8"/>
    <mergeCell ref="I9:K9"/>
    <mergeCell ref="I10:K10"/>
    <mergeCell ref="I11:K11"/>
    <mergeCell ref="I12:K12"/>
    <mergeCell ref="L13:O13"/>
    <mergeCell ref="L14:O14"/>
    <mergeCell ref="L15:O15"/>
    <mergeCell ref="L16:O16"/>
    <mergeCell ref="L17:O17"/>
    <mergeCell ref="L8:O8"/>
    <mergeCell ref="L9:O9"/>
    <mergeCell ref="L10:O10"/>
    <mergeCell ref="L11:O11"/>
    <mergeCell ref="L12:O12"/>
    <mergeCell ref="I31:O31"/>
    <mergeCell ref="I30:O30"/>
    <mergeCell ref="F30:H30"/>
    <mergeCell ref="L21:O21"/>
    <mergeCell ref="L22:O22"/>
    <mergeCell ref="L28:O28"/>
    <mergeCell ref="L29:O29"/>
    <mergeCell ref="L25:O25"/>
    <mergeCell ref="L26:O26"/>
    <mergeCell ref="L27:O27"/>
    <mergeCell ref="I26:K26"/>
    <mergeCell ref="I27:K27"/>
    <mergeCell ref="I28:K28"/>
    <mergeCell ref="I29:K29"/>
    <mergeCell ref="I25:K25"/>
    <mergeCell ref="F31:H31"/>
  </mergeCells>
  <phoneticPr fontId="1"/>
  <dataValidations count="2">
    <dataValidation type="list" allowBlank="1" showInputMessage="1" showErrorMessage="1" sqref="C10:C28">
      <formula1>$T$10:$T$13</formula1>
    </dataValidation>
    <dataValidation type="list" allowBlank="1" showInputMessage="1" showErrorMessage="1" sqref="C9">
      <formula1>$T$10:$T$15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４b_経費予算書（買い手支援B、売り手支援）</vt:lpstr>
      <vt:lpstr>'様式１－４b_経費予算書（買い手支援B、売り手支援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坂口</cp:lastModifiedBy>
  <cp:lastPrinted>2022-11-07T09:05:54Z</cp:lastPrinted>
  <dcterms:created xsi:type="dcterms:W3CDTF">2021-03-15T08:57:58Z</dcterms:created>
  <dcterms:modified xsi:type="dcterms:W3CDTF">2024-03-21T01:59:35Z</dcterms:modified>
</cp:coreProperties>
</file>